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avi" ContentType="video/x-msvide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528" r:id="rId2"/>
    <p:sldId id="527" r:id="rId3"/>
    <p:sldId id="429" r:id="rId4"/>
    <p:sldId id="526" r:id="rId5"/>
    <p:sldId id="502" r:id="rId6"/>
    <p:sldId id="503" r:id="rId7"/>
    <p:sldId id="507" r:id="rId8"/>
    <p:sldId id="499" r:id="rId9"/>
    <p:sldId id="504" r:id="rId10"/>
    <p:sldId id="388" r:id="rId11"/>
    <p:sldId id="501" r:id="rId12"/>
    <p:sldId id="390" r:id="rId13"/>
    <p:sldId id="391" r:id="rId14"/>
    <p:sldId id="521" r:id="rId15"/>
    <p:sldId id="505" r:id="rId16"/>
    <p:sldId id="389" r:id="rId17"/>
    <p:sldId id="479" r:id="rId18"/>
    <p:sldId id="260" r:id="rId19"/>
  </p:sldIdLst>
  <p:sldSz cx="12188825" cy="6858000"/>
  <p:notesSz cx="6797675" cy="9928225"/>
  <p:embeddedFontLs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AU Peto" panose="040C0B07020602020301" pitchFamily="82" charset="0"/>
      <p:regular r:id="rId26"/>
      <p:bold r:id="rId27"/>
    </p:embeddedFont>
    <p:embeddedFont>
      <p:font typeface="Wingdings 3" panose="05040102010807070707" pitchFamily="18" charset="2"/>
      <p:regular r:id="rId28"/>
    </p:embeddedFont>
    <p:embeddedFont>
      <p:font typeface="AU Passata" panose="020B0503030502030804" pitchFamily="34" charset="0"/>
      <p:regular r:id="rId29"/>
      <p:bold r:id="rId30"/>
    </p:embeddedFont>
    <p:embeddedFont>
      <p:font typeface="AU Passata Light" panose="020B0303030902030804" pitchFamily="34" charset="0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7" autoAdjust="0"/>
    <p:restoredTop sz="96532" autoAdjust="0"/>
  </p:normalViewPr>
  <p:slideViewPr>
    <p:cSldViewPr snapToObjects="1" showGuides="1">
      <p:cViewPr varScale="1">
        <p:scale>
          <a:sx n="125" d="100"/>
          <a:sy n="125" d="100"/>
        </p:scale>
        <p:origin x="60" y="50"/>
      </p:cViewPr>
      <p:guideLst/>
    </p:cSldViewPr>
  </p:slideViewPr>
  <p:outlineViewPr>
    <p:cViewPr>
      <p:scale>
        <a:sx n="33" d="100"/>
        <a:sy n="33" d="100"/>
      </p:scale>
      <p:origin x="0" y="0"/>
    </p:cViewPr>
    <p:sldLst>
      <p:sld r:id="rId1" collapse="1"/>
      <p:sld r:id="rId2" collapse="1"/>
      <p:sld r:id="rId3" collapse="1"/>
      <p:sld r:id="rId4" collapse="1"/>
      <p:sld r:id="rId5" collapse="1"/>
      <p:sld r:id="rId6" collapse="1"/>
      <p:sld r:id="rId7" collapse="1"/>
      <p:sld r:id="rId8" collapse="1"/>
      <p:sld r:id="rId9" collapse="1"/>
      <p:sld r:id="rId10" collapse="1"/>
      <p:sld r:id="rId11" collapse="1"/>
      <p:sld r:id="rId12" collapse="1"/>
      <p:sld r:id="rId13" collapse="1"/>
      <p:sld r:id="rId14" collapse="1"/>
      <p:sld r:id="rId15" collapse="1"/>
      <p:sld r:id="rId16" collapse="1"/>
      <p:sld r:id="rId17" collapse="1"/>
      <p:sld r:id="rId18" collapse="1"/>
    </p:sldLst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0" d="100"/>
        <a:sy n="70" d="100"/>
      </p:scale>
      <p:origin x="0" y="-3221"/>
    </p:cViewPr>
  </p:sorterViewPr>
  <p:notesViewPr>
    <p:cSldViewPr snapToObjects="1">
      <p:cViewPr varScale="1">
        <p:scale>
          <a:sx n="84" d="100"/>
          <a:sy n="84" d="100"/>
        </p:scale>
        <p:origin x="3624" y="96"/>
      </p:cViewPr>
      <p:guideLst>
        <p:guide orient="horz" pos="3128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5.fntdata"/><Relationship Id="rId39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34" Type="http://schemas.openxmlformats.org/officeDocument/2006/relationships/font" Target="fonts/font13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4.fntdata"/><Relationship Id="rId33" Type="http://schemas.openxmlformats.org/officeDocument/2006/relationships/font" Target="fonts/font12.fntdata"/><Relationship Id="rId38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3.fntdata"/><Relationship Id="rId32" Type="http://schemas.openxmlformats.org/officeDocument/2006/relationships/font" Target="fonts/font11.fntdata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font" Target="fonts/font14.fntdata"/></Relationships>
</file>

<file path=ppt/_rels/viewProps.xml.rels><?xml version="1.0" encoding="UTF-8" standalone="yes"?>
<Relationships xmlns="http://schemas.openxmlformats.org/package/2006/relationships"><Relationship Id="rId8" Type="http://schemas.openxmlformats.org/officeDocument/2006/relationships/slide" Target="slides/slide8.xml"/><Relationship Id="rId13" Type="http://schemas.openxmlformats.org/officeDocument/2006/relationships/slide" Target="slides/slide13.xml"/><Relationship Id="rId18" Type="http://schemas.openxmlformats.org/officeDocument/2006/relationships/slide" Target="slides/slide18.xml"/><Relationship Id="rId3" Type="http://schemas.openxmlformats.org/officeDocument/2006/relationships/slide" Target="slides/slide3.xml"/><Relationship Id="rId7" Type="http://schemas.openxmlformats.org/officeDocument/2006/relationships/slide" Target="slides/slide7.xml"/><Relationship Id="rId12" Type="http://schemas.openxmlformats.org/officeDocument/2006/relationships/slide" Target="slides/slide12.xml"/><Relationship Id="rId17" Type="http://schemas.openxmlformats.org/officeDocument/2006/relationships/slide" Target="slides/slide17.xml"/><Relationship Id="rId2" Type="http://schemas.openxmlformats.org/officeDocument/2006/relationships/slide" Target="slides/slide2.xml"/><Relationship Id="rId16" Type="http://schemas.openxmlformats.org/officeDocument/2006/relationships/slide" Target="slides/slide16.xml"/><Relationship Id="rId1" Type="http://schemas.openxmlformats.org/officeDocument/2006/relationships/slide" Target="slides/slide1.xml"/><Relationship Id="rId6" Type="http://schemas.openxmlformats.org/officeDocument/2006/relationships/slide" Target="slides/slide6.xml"/><Relationship Id="rId11" Type="http://schemas.openxmlformats.org/officeDocument/2006/relationships/slide" Target="slides/slide11.xml"/><Relationship Id="rId5" Type="http://schemas.openxmlformats.org/officeDocument/2006/relationships/slide" Target="slides/slide5.xml"/><Relationship Id="rId15" Type="http://schemas.openxmlformats.org/officeDocument/2006/relationships/slide" Target="slides/slide15.xml"/><Relationship Id="rId10" Type="http://schemas.openxmlformats.org/officeDocument/2006/relationships/slide" Target="slides/slide10.xml"/><Relationship Id="rId4" Type="http://schemas.openxmlformats.org/officeDocument/2006/relationships/slide" Target="slides/slide4.xml"/><Relationship Id="rId9" Type="http://schemas.openxmlformats.org/officeDocument/2006/relationships/slide" Target="slides/slide9.xml"/><Relationship Id="rId14" Type="http://schemas.openxmlformats.org/officeDocument/2006/relationships/slide" Target="slides/slide1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907"/>
            <a:ext cx="5438140" cy="44677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30091"/>
            <a:ext cx="2945659" cy="4964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150319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123616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8030212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July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346096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July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G. DR. Henrik Daniel Kjeld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2855328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5960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 dirty="0"/>
              <a:t>05/07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SSOCIATE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484076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G. DR. Henrik Daniel Kjeld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TTBML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4/10/2023</a:t>
            </a:fld>
            <a:r>
              <a:rPr lang="en-GB"/>
              <a:t>05/07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timing>
    <p:tnLst>
      <p:par>
        <p:cTn id="1" dur="indefinite" restart="never" nodeType="tmRoot"/>
      </p:par>
    </p:tnLst>
  </p:timing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4" Type="http://schemas.openxmlformats.org/officeDocument/2006/relationships/image" Target="../media/image29.em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video" Target="../media/media1.avi"/><Relationship Id="rId2" Type="http://schemas.microsoft.com/office/2007/relationships/media" Target="../media/media1.avi"/><Relationship Id="rId1" Type="http://schemas.openxmlformats.org/officeDocument/2006/relationships/tags" Target="../tags/tag13.xml"/><Relationship Id="rId5" Type="http://schemas.openxmlformats.org/officeDocument/2006/relationships/image" Target="../media/image32.png"/><Relationship Id="rId4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5" Type="http://schemas.openxmlformats.org/officeDocument/2006/relationships/image" Target="../media/image35.jpeg"/><Relationship Id="rId4" Type="http://schemas.openxmlformats.org/officeDocument/2006/relationships/image" Target="../media/image34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4" Type="http://schemas.openxmlformats.org/officeDocument/2006/relationships/image" Target="../media/image41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18.gif"/><Relationship Id="rId4" Type="http://schemas.openxmlformats.org/officeDocument/2006/relationships/image" Target="../media/image1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2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7165103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ayesian brain hypothesi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4CE950F-27F7-4757-A1A6-85D5149CC56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3812" y="1196752"/>
            <a:ext cx="6720746" cy="504056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7" name="Rectangle 6"/>
          <p:cNvSpPr/>
          <p:nvPr/>
        </p:nvSpPr>
        <p:spPr>
          <a:xfrm>
            <a:off x="7534572" y="4725144"/>
            <a:ext cx="4734646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“We can succinctly say that it appears </a:t>
            </a:r>
          </a:p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that brains are to white holes as stars are to black holes (in terms of entropy).” 	                    	         </a:t>
            </a:r>
            <a:r>
              <a:rPr lang="en-US" sz="1400" dirty="0">
                <a:latin typeface="+mn-lt"/>
              </a:rPr>
              <a:t>Kjeldsen 2013</a:t>
            </a:r>
            <a:endParaRPr lang="da-DK" sz="1400" dirty="0">
              <a:latin typeface="+mn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58708" y="1196752"/>
            <a:ext cx="2088232" cy="35635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083610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ayesian brain hypothesi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82044" y="1268760"/>
            <a:ext cx="7105650" cy="44481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67318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ayesian brain hypothesis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853234C-09B2-423B-BF9F-065DEB10C8B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64474"/>
          <a:stretch/>
        </p:blipFill>
        <p:spPr>
          <a:xfrm>
            <a:off x="2854052" y="1340768"/>
            <a:ext cx="7296810" cy="194421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395311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verse engineering of INSIGHT</a:t>
            </a:r>
          </a:p>
        </p:txBody>
      </p:sp>
      <p:pic>
        <p:nvPicPr>
          <p:cNvPr id="4" name="stomptheflag">
            <a:hlinkClick r:id="" action="ppaction://media"/>
            <a:extLst>
              <a:ext uri="{FF2B5EF4-FFF2-40B4-BE49-F238E27FC236}">
                <a16:creationId xmlns:a16="http://schemas.microsoft.com/office/drawing/2014/main" id="{C1294DE7-E2CC-4811-B50A-DA67D5E6002C}"/>
              </a:ext>
            </a:extLst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2833261" y="1069739"/>
            <a:ext cx="6522301" cy="489172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568694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2440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verse engineering of INSIGHT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9796" y="1628800"/>
            <a:ext cx="6858000" cy="4657725"/>
          </a:xfrm>
          <a:prstGeom prst="rect">
            <a:avLst/>
          </a:prstGeom>
        </p:spPr>
      </p:pic>
      <p:pic>
        <p:nvPicPr>
          <p:cNvPr id="1026" name="Picture 2" descr="Image result for john kounios eureka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26743" y="3605522"/>
            <a:ext cx="1744796" cy="26463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Image result for john kounios eureka ee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41980" y="3604805"/>
            <a:ext cx="1986013" cy="26463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909836" y="1095127"/>
            <a:ext cx="2706831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rgbClr val="222222"/>
                </a:solidFill>
                <a:latin typeface="+mn-lt"/>
              </a:rPr>
              <a:t>NEW </a:t>
            </a:r>
            <a:r>
              <a:rPr lang="en-US" sz="2400" b="1" dirty="0" smtClean="0">
                <a:solidFill>
                  <a:srgbClr val="222222"/>
                </a:solidFill>
                <a:latin typeface="+mn-lt"/>
              </a:rPr>
              <a:t>EXPERIMENT</a:t>
            </a:r>
            <a:endParaRPr lang="en-US" sz="24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345533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ayesian brain hypothesis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3B1448B2-4847-43A5-9DA7-27FEB4BE47D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60823"/>
          <a:stretch/>
        </p:blipFill>
        <p:spPr>
          <a:xfrm>
            <a:off x="2786070" y="1124744"/>
            <a:ext cx="6643129" cy="195194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786070" y="3292714"/>
            <a:ext cx="6726538" cy="64807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710036" y="3940786"/>
            <a:ext cx="6643129" cy="217470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55582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ayesian brain hypothesi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819CBBB-39C3-4663-A86B-AF9782F3EF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1525" y="980728"/>
            <a:ext cx="6984776" cy="523858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392553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ayesian brain hypothesi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349C94D-BF54-4958-A9C0-CAEA23C8D0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51"/>
          <a:stretch/>
        </p:blipFill>
        <p:spPr>
          <a:xfrm>
            <a:off x="1773932" y="1124744"/>
            <a:ext cx="6912768" cy="513203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86700" y="4221088"/>
            <a:ext cx="2398794" cy="216024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730796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DB88B96-96DD-4343-A2E1-91BB06314E05}"/>
              </a:ext>
            </a:extLst>
          </p:cNvPr>
          <p:cNvSpPr/>
          <p:nvPr/>
        </p:nvSpPr>
        <p:spPr>
          <a:xfrm>
            <a:off x="477788" y="116632"/>
            <a:ext cx="1123324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ENGINEERING MACHINE LEARNING</a:t>
            </a:r>
          </a:p>
          <a:p>
            <a:pPr lvl="0" algn="ctr">
              <a:lnSpc>
                <a:spcPct val="100000"/>
              </a:lnSpc>
            </a:pPr>
            <a:r>
              <a:rPr lang="en-US" altLang="en-US" sz="5400" b="1" dirty="0">
                <a:solidFill>
                  <a:srgbClr val="FFFFFF"/>
                </a:solidFill>
                <a:latin typeface="AU Passata"/>
              </a:rPr>
              <a:t>HEALTH TECHNOLOGY</a:t>
            </a:r>
            <a:endParaRPr lang="en-US" sz="5400" b="1" dirty="0">
              <a:solidFill>
                <a:srgbClr val="FFFFFF"/>
              </a:solidFill>
              <a:latin typeface="AU Passata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8E6AF8-3F15-46B7-A844-7DC8DD23852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6456" t="14304" r="46457" b="77483"/>
          <a:stretch/>
        </p:blipFill>
        <p:spPr>
          <a:xfrm>
            <a:off x="2196933" y="852971"/>
            <a:ext cx="432048" cy="281648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3214092" y="5157192"/>
            <a:ext cx="5612630" cy="997196"/>
          </a:xfrm>
        </p:spPr>
        <p:txBody>
          <a:bodyPr/>
          <a:lstStyle/>
          <a:p>
            <a:pPr algn="ctr"/>
            <a:r>
              <a:rPr lang="en-US" altLang="en-US" sz="3600" dirty="0">
                <a:latin typeface="+mj-lt"/>
              </a:rPr>
              <a:t>SKIPPING ACROSS</a:t>
            </a:r>
            <a:br>
              <a:rPr lang="en-US" altLang="en-US" sz="3600" dirty="0">
                <a:latin typeface="+mj-lt"/>
              </a:rPr>
            </a:br>
            <a:r>
              <a:rPr lang="en-US" altLang="en-US" sz="3600" dirty="0">
                <a:latin typeface="+mj-lt"/>
              </a:rPr>
              <a:t>BAYESIAN LEARNING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33972" y="1988840"/>
            <a:ext cx="7843823" cy="2952328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049940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:dissolve/>
      </p:transition>
    </mc:Choice>
    <mc:Fallback xmlns="">
      <p:transition spd="slow">
        <p:dissolv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Bayesian METHODS</a:t>
            </a:r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73932" y="1052735"/>
            <a:ext cx="3600400" cy="5454451"/>
          </a:xfrm>
          <a:prstGeom prst="rect">
            <a:avLst/>
          </a:prstGeom>
        </p:spPr>
      </p:pic>
      <p:pic>
        <p:nvPicPr>
          <p:cNvPr id="1026" name="Picture 2" descr="Image result for bayesian cartoon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41270" y="1196752"/>
            <a:ext cx="3615791" cy="4968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337998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yesian METHODS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38028" y="1772816"/>
            <a:ext cx="6589476" cy="3998742"/>
          </a:xfrm>
          <a:prstGeom prst="rect">
            <a:avLst/>
          </a:prstGeom>
        </p:spPr>
      </p:pic>
      <p:sp>
        <p:nvSpPr>
          <p:cNvPr id="2" name="Rectangle 1"/>
          <p:cNvSpPr/>
          <p:nvPr/>
        </p:nvSpPr>
        <p:spPr>
          <a:xfrm>
            <a:off x="909836" y="1124744"/>
            <a:ext cx="2522037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rgbClr val="000000"/>
                </a:solidFill>
                <a:latin typeface="+mn-lt"/>
              </a:rPr>
              <a:t>BAYES THEOREM</a:t>
            </a:r>
            <a:endParaRPr lang="da-DK" sz="24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082056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yesian METHODS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8610" y="1568941"/>
            <a:ext cx="6656202" cy="3168352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/>
          <a:srcRect l="50000" r="6818"/>
          <a:stretch/>
        </p:blipFill>
        <p:spPr>
          <a:xfrm>
            <a:off x="2919366" y="4740750"/>
            <a:ext cx="1944216" cy="1476495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41790" y="4940393"/>
            <a:ext cx="1651922" cy="1128142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8257814" y="6102471"/>
            <a:ext cx="1368152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dirty="0">
                <a:latin typeface="+mn-lt"/>
              </a:rPr>
              <a:t>Dr. </a:t>
            </a:r>
            <a:r>
              <a:rPr lang="en-US" sz="2400" dirty="0" smtClean="0">
                <a:latin typeface="+mn-lt"/>
              </a:rPr>
              <a:t>STMAL</a:t>
            </a:r>
            <a:endParaRPr lang="da-DK" sz="2400" dirty="0">
              <a:latin typeface="+mn-lt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279406" y="6086951"/>
            <a:ext cx="1518862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dirty="0">
                <a:latin typeface="+mn-lt"/>
              </a:rPr>
              <a:t>Mr. </a:t>
            </a:r>
            <a:r>
              <a:rPr lang="en-US" sz="2400" dirty="0" smtClean="0">
                <a:latin typeface="+mn-lt"/>
              </a:rPr>
              <a:t>SWMAL</a:t>
            </a:r>
            <a:endParaRPr lang="da-DK" sz="2400" dirty="0">
              <a:latin typeface="+mn-lt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09836" y="1124744"/>
            <a:ext cx="2266903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smtClean="0">
                <a:solidFill>
                  <a:srgbClr val="000000"/>
                </a:solidFill>
                <a:latin typeface="+mn-lt"/>
              </a:rPr>
              <a:t>TERMINOLOGY</a:t>
            </a:r>
            <a:endParaRPr lang="da-DK" sz="24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33560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9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yesian METHOD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9836" y="1124744"/>
            <a:ext cx="6233318" cy="506976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47311" y="2132856"/>
            <a:ext cx="4935821" cy="187220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43184" y="4293096"/>
            <a:ext cx="4735091" cy="9808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384228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ayesian brain hypothesis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4429" y="1124744"/>
            <a:ext cx="7295997" cy="5023142"/>
          </a:xfrm>
          <a:prstGeom prst="rect">
            <a:avLst/>
          </a:prstGeom>
        </p:spPr>
      </p:pic>
      <p:sp>
        <p:nvSpPr>
          <p:cNvPr id="2" name="Rectangle 1"/>
          <p:cNvSpPr/>
          <p:nvPr/>
        </p:nvSpPr>
        <p:spPr>
          <a:xfrm>
            <a:off x="6310436" y="6018138"/>
            <a:ext cx="1188146" cy="25181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dirty="0"/>
              <a:t>Kjeldsen, 2013</a:t>
            </a:r>
            <a:endParaRPr lang="da-DK" sz="12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78588" y="764704"/>
            <a:ext cx="3583384" cy="602481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42438" y="1575842"/>
            <a:ext cx="2816996" cy="1802877"/>
          </a:xfrm>
          <a:prstGeom prst="rect">
            <a:avLst/>
          </a:prstGeom>
          <a:effectLst>
            <a:innerShdw blurRad="114300">
              <a:srgbClr val="002546"/>
            </a:inn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237637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ayesian brain hypothesis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C4ADDD5-6291-4A52-8F29-5A38EA7AE26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55429" y="1124744"/>
            <a:ext cx="6696745" cy="502255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53"/>
          <a:stretch/>
        </p:blipFill>
        <p:spPr>
          <a:xfrm>
            <a:off x="9399071" y="61944"/>
            <a:ext cx="1807909" cy="67514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876836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ayesian brain hypothesi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C4DA486-40F9-4A6B-BE5E-165A5B17B28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17526"/>
          <a:stretch/>
        </p:blipFill>
        <p:spPr>
          <a:xfrm>
            <a:off x="2349996" y="1052736"/>
            <a:ext cx="8148906" cy="504056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89424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  <p:tag name="TIMING" val="|2.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1</Words>
  <Application>Microsoft Office PowerPoint</Application>
  <PresentationFormat>Custom</PresentationFormat>
  <Paragraphs>29</Paragraphs>
  <Slides>18</Slides>
  <Notes>3</Notes>
  <HiddenSlides>0</HiddenSlides>
  <MMClips>1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6" baseType="lpstr">
      <vt:lpstr>Georgia</vt:lpstr>
      <vt:lpstr>AU Peto</vt:lpstr>
      <vt:lpstr>Wingdings 3</vt:lpstr>
      <vt:lpstr>Arial</vt:lpstr>
      <vt:lpstr>AU Passata</vt:lpstr>
      <vt:lpstr>AU Passata Light</vt:lpstr>
      <vt:lpstr>Calibri</vt:lpstr>
      <vt:lpstr>AU 16:9</vt:lpstr>
      <vt:lpstr>PowerPoint Presentation</vt:lpstr>
      <vt:lpstr>SKIPPING ACROSS BAYESIAN LEARNING</vt:lpstr>
      <vt:lpstr>Bayesian METHODS</vt:lpstr>
      <vt:lpstr>Bayesian METHODS</vt:lpstr>
      <vt:lpstr>Bayesian METHODS</vt:lpstr>
      <vt:lpstr>Bayesian METHODS</vt:lpstr>
      <vt:lpstr>The Bayesian brain hypothesis</vt:lpstr>
      <vt:lpstr>The Bayesian brain hypothesis</vt:lpstr>
      <vt:lpstr>The Bayesian brain hypothesis</vt:lpstr>
      <vt:lpstr>The Bayesian brain hypothesis</vt:lpstr>
      <vt:lpstr>The Bayesian brain hypothesis</vt:lpstr>
      <vt:lpstr>The Bayesian brain hypothesis</vt:lpstr>
      <vt:lpstr>Reverse engineering of INSIGHT</vt:lpstr>
      <vt:lpstr>Reverse engineering of INSIGHT</vt:lpstr>
      <vt:lpstr>The Bayesian brain hypothesis</vt:lpstr>
      <vt:lpstr>The Bayesian brain hypothesis</vt:lpstr>
      <vt:lpstr>The Bayesian brain hypothesi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0-04T10:57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378480461186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38</vt:lpwstr>
  </property>
  <property fmtid="{D5CDD505-2E9C-101B-9397-08002B2CF9AE}" pid="62" name="colorthemechange">
    <vt:lpwstr>True</vt:lpwstr>
  </property>
</Properties>
</file>